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_rels/.rels" ContentType="application/vnd.openxmlformats-package.relationships+xml"/>
  <Override PartName="/docProps/core.xml" ContentType="application/vnd.openxmlformats-package.core-properties+xml"/>
  <Override PartName="/docProps/app.xml" ContentType="application/vnd.openxmlformats-officedocument.extended-properties+xml"/>
  <Override PartName="/word/_rels/document.xml.rels" ContentType="application/vnd.openxmlformats-package.relationships+xml"/>
  <Override PartName="/word/document.xml" ContentType="application/vnd.openxmlformats-officedocument.wordprocessingml.document.main+xml"/>
  <Override PartName="/word/styles.xml" ContentType="application/vnd.openxmlformats-officedocument.wordprocessingml.styles+xml"/>
  <Override PartName="/word/fontTable.xml" ContentType="application/vnd.openxmlformats-officedocument.wordprocessingml.fontTable+xml"/>
  <Override PartName="/word/settings.xml" ContentType="application/vnd.openxmlformats-officedocument.wordprocessingml.settings+xml"/>
  <Override PartName="/word/theme/theme1.xml" ContentType="application/vnd.openxmlformats-officedocument.theme+xml"/>
</Types>
</file>

<file path=_rels/.rels><?xml version="1.0" encoding="UTF-8"?>
<Relationships xmlns="http://schemas.openxmlformats.org/package/2006/relationships"><Relationship Id="rId1" Type="http://schemas.openxmlformats.org/officedocument/2006/relationships/metadata/core-properties" Target="docProps/core.xml"/><Relationship Id="rId2" Type="http://schemas.openxmlformats.org/officeDocument/2006/relationships/extended-properties" Target="docProps/app.xml"/><Relationship Id="rId3"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pic="http://schemas.openxmlformats.org/drawingml/2006/picture"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rtf1\ansi\ansicpg1252\uc1 \deff0\deflang1033\deflangfe1033{\fonttbl{\f0\froman\fcharset0\fprq2{\*\panose 02020603050405020304}Times New Roman;}{\f58\froman\fcharset238\fprq2 Times New Roman CE;}{\f59\froman\fcharset204\fprq2 Times New Roman Cyr;}{\f61\froman\fcharset161\fprq2 Times New Roman Greek;}{\f62\froman\fcharset162\fprq2 Times New Roman Tur;}{\f63\froman\fcharset186\fprq2 Times New Roman Baltic;}}{\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stylesheet{\nowidctlpar\widctlpar\adjustright \fs20\cgrid \snext0 Normal;}{\*\cs10 \additive Default Paragraph Font;}{\s15\nowidctlpar\widctlpar\adjustright \fs20\cgrid \sbasedon0 \snext15 footnote text;}{\*\cs16 \additive \super \sbasedon10 footnote reference;}}{\*\listtable{\list\listtemplateid271078600\listsimple{\listlevel\levelnfc3\leveljc0\levelfollow0\levelstartat1\levelspace0\levelindent0{\leveltext\'02\'00.;}{\levelnumbers\'01;}\fbias0 \fi-360\li720\jclisttab\tx720 }{\listname ;}\listid1219324294}{\list\listtemplateid328347604\listsimple{\listlevel\levelnfc3\leveljc0\levelfollow0\levelstartat1\levelspace0\levelindent0{\leveltext\'02\'00.;}{\levelnumbers\'01;}\fbias0 \fi-360\li720\jclisttab\tx720 }{\listname ;}\listid1574004405}{\list\listtemplateid67698703\listsimple{\listlevel\levelnfc0\leveljc0\levelfollow0\levelstartat1\levelspace0\levelindent0{\leveltext\'02\'00.;}{\levelnumbers\'01;}\fbias0 \fi-360\li360\jclisttab\tx360 }{\listname ;}\listid1712607723}{\list\listtemplateid-506185814\listsimple{\listlevel\levelnfc3\leveljc0\levelfollow0\levelstartat1\levelspace0\levelindent0{\leveltext\'02\'00.;}{\levelnumbers\'01;}\fbias0 \fi-360\li720\jclisttab\tx720 }{\listname ;}\listid1725640739}{\list\listtemplateid-1115647866\listsimple{\listlevel\levelnfc3\leveljc0\levelfollow0\levelstartat1\levelspace0\levelindent0{\leveltext\'02\'00.;}{\levelnumbers\'01;}\fbias0 \fi-360\li720\jclisttab\tx720 }{\listname ;}\listid1782069627}{\list\listtemplateid67698703\listsimple{\listlevel\levelnfc0\leveljc0\levelfollow0\levelstartat3\levelspace0\levelindent0{\leveltext\'02\'00.;}{\levelnumbers\'01;}\fbias0 \fi-360\li360\jclisttab\tx360 }{\listname ;}\listid1884050082}{\list\listtemplateid-2111947766\listsimple{\listlevel\levelnfc2\leveljc0\levelfollow0\levelstartat1\levelspace0\levelindent0{\leveltext\'02\'00.;}{\levelnumbers\'01;}\fbias0 \fi-720\li1440\jclisttab\tx1440 }{\listname ;}\listid2120903581}}{\*\listoverridetable{\listoverride\listid1712607723\listoverridecount0\ls1}{\listoverride\listid1782069627\listoverridecount0\ls2}{\listoverride\listid1884050082\listoverridecount0\ls3}{\listoverride\listid1219324294\listoverridecount0\ls4}{\listoverride\listid1725640739\listoverridecount0\ls5}{\listoverride\listid2120903581\listoverridecount0\ls6}{\listoverride\listid1574004405\listoverridecount0\ls7}}{\info{\title Talking Points on Hydro}{\author Mona L Petrochko}{\operator Mona L Petrochko}{\creatim\yr2000\mo5\dy17\hr14\min13}{\revtim\yr2000\mo5\dy17\hr17\min27}{\version1}{\edmins59}{\nofpages2}{\nofwords547}{\nofchars3122}{\*\company Enron}{\nofcharsws3834}{\vern71}}\widowctrl\ftnbj\aenddoc\formshade\viewkind4\viewscale100\pgbrdrhead\pgbrdrfoot \fet0\sectd \linex0\endnhere\sectdefaultcl {\*\pnseclvl1\pnucrm\pnstart1\pnindent720\pnhang{\pntxta .}}{\*\pnseclvl2\pnucltr\pnstart1\pnindent720\pnhang{\pntxta .}}{\*\pnseclvl3\pndec\pnstart1\pnindent720\pnhang{\pntxta .}}{\*\pnseclvl4\pnlcltr\pnstart1\pnindent720\pnhang{\pntxta )}}{\*\pnseclvl5\pndec\pnstart1\pnindent720\pnhang{\pntxtb (}{\pntxta )}}{\*\pnseclvl6\pnlcltr\pnstart1\pnindent720\pnhang{\pntxtb (}{\pntxta )}}{\*\pnseclvl7\pnlcrm\pnstart1\pnindent720\pnhang{\pntxtb (}{\pntxta )}}{\*\pnseclvl8\pnlcltr\pnstart1\pnindent720\pnhang{\pntxtb (}{\pntxta )}}{\*\pnseclvl9\pnlcrm\pnstart1\pnindent720\pnhang{\pntxtb (}{\pntxta )}}\pard\plain \nowidctlpar\widctlpar\adjustright \fs20\cgrid {Talking Points on Hydro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1.\tab}}\pard \fi-360\li360\nowidctlpar\widctlpar\jclisttab\tx360{\*\pn \pnlvlbody\ilvl0\ls1\pnrnot0\pndec\pnstart1\pnindent360\pnhang{\pntxta .}}\ls1\adjustright {Basics of AB 189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A.\tab}}\pard \fi-360\li720\nowidctlpar\widctlpar\jclisttab\tx720{\*\pn \pnlvlbody\ilvl0\ls2\pnrnot0\pnucltr\pnstart1\pnindent720\pnhang{\pntxta .}}\ls2\adjustright {Deregulate Wholesale Generation Marke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B.\tab}}\pard \fi-360\li720\nowidctlpar\widctlpar\jclisttab\tx720{\*\pn \pnlvlbody\ilvl0\ls2\pnrnot0\pnucltr\pnstart1\pnindent720\pnhang{\pntxta .}}\ls2\adjustright {Competition in Wholesale Generation Markets would benefit consumers.  Either actively by allowing for customers to choose alternative suppliers or passively that competition in wholesale markets would put downward pressure on the price of electricity paid by end-us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C.\tab}}\pard \fi-360\li720\nowidctlpar\widctlpar\jclisttab\tx720{\*\pn \pnlvlbody\ilvl0\ls2\pnrnot0\pnucltr\pnstart1\pnindent720\pnhang{\pntxta .}}\ls2\adjustright {Provide a transition period wherein utilities recovered stranded costs.  Transition period would end by December 31, 2001 for generation-related transition cost recovery (or March 31, 2002 for limited purpos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D.\tab}}\pard \fi-360\li720\nowidctlpar\widctlpar\jclisttab\tx720{\*\pn \pnlvlbody\ilvl0\ls2\pnrnot0\pnucltr\pnstart1\pnindent720\pnhang{\pntxta .}}\ls2\adjustright {Provide an opportunity for the utility to recover its stranded costs.  Create an incentive for utilities to recover as quickly as possible by putting shareholders at risk if unable to recover transition costs within designated timefram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E.\tab}}\pard \fi-360\li720\nowidctlpar\widctlpar\jclisttab\tx720{\*\pn \pnlvlbody\ilvl0\ls2\pnrnot0\pnucltr\pnstart1\pnindent720\pnhang{\pntxta .}}\ls2\adjustright {Smaller ratepayers were given a 10% rate reduction.  Utilities financed the 10% reduction by purchasing bonds issued by the state to reduce overall capital cos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F.\tab}}\pard \fi-360\li720\nowidctlpar\widctlpar\jclisttab\tx720{\*\pn \pnlvlbody\ilvl0\ls2\pnrnot0\pnucltr\pnstart1\pnindent720\pnhang{\pntxta .}}\ls2\adjustright {Ultimately, the actual amount of stranded costs would not be determined until the value of the generating assets that the utilities\rquote  held was determined.  The \ldblquote valuations used for the calculation of the uneconomic portion of the net book value shall be determine not later than December 31, 2001 and shall be based on appraisal, sale, or other divestiture.\rdblquote }{\cs16\super \chftn {\footnote \pard\plain \s15\nowidctlpar\widctlpar{\*\pn \pnlvlcont\ilvl0\ls0\pnrnot0\pndec }\adjustright \fs20\cgrid {\cs16\super \chftn }{ Section 367 (b), PU Cod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pn \pnlvlcont\ilvl0\ls0\pnrnot0\pndec }\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2.  Specific authority granted to Commission in AB 1890 for determination of stranded cos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G.\tab}}\pard \fi-360\li720\nowidctlpar\widctlpar\jclisttab\tx720{\*\pn \pnlvlbody\ilvl0\ls2\pnrnot0\pnucltr\pnstart1\pnindent720\pnhang{\pntxta .}}\ls2\adjustright {Provided the Commission with the authority to determine \ldblquote costs and categories of costswhich may become uneconomic as a result of a competitive generation market\rdblquote }{\cs16\super \chftn {\footnote \pard\plain \s15\nowidctlpar\widctlpar\adjustright \fs20\cgrid {\cs16\super \chftn }{ Section 367, PU Code}}}{  In addition, that authority to determine \ldblquote the costs eligible for recovery and of the valuation of those assets at the time the assets are exposed to market risk or retiredshall be final, and notwithstanding Section 1708 or any other provision of law, may not be rescinded, altered, or amended.\rdblquote }{\cs16\super \chftn {\footnote \pard\plain \s15\nowidctlpar\widctlpar\adjustright \fs20\cgrid {\cs16\super \chftn }{ Section 367 (b), PU Cod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H.\tab}}\pard \fi-360\li720\nowidctlpar\widctlpar\jclisttab\tx720{\*\pn \pnlvlbody\ilvl0\ls2\pnrnot0\pnucltr\pnstart1\pnindent720\pnhang{\pntxta .}}\ls2\adjustright {\ldblquote In determining the costs to be recovered, it is appropriate to net the negative value of above market assets against the positive value of below market assets.\rdblquote }{\cs16\super \chftn {\footnote \pard\plain \s15\nowidctlpar\widctlpar\adjustright \fs20\cgrid {\cs16\super \chftn }{ Section 330 (r), PU Cod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I.\tab}}\pard \fi-360\li720\nowidctlpar\widctlpar\jclisttab\tx720{\*\pn \pnlvlbody\ilvl0\ls2\pnrnot0\pnucltr\pnstart1\pnindent720\pnhang{\pntxta .}}\ls2\adjustright {\ldblquote The transition to a competitive generation market should be orderly, protect electric system reliability, provide the investors in these electrical corporation with a fair opportunity to fully recovery the costs associated with commission-approved generation-related assets and obligations, and be completed as expeditiously as possible.\rdblquote }{\cs16\super \chftn {\footnote \pard\plain \s15\nowidctlpar\widctlpar\adjustright \fs20\cgrid {\cs16\super \chftn }{ Section 330 (t), PU Cod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3.\tab}}\pard \fi-360\li360\nowidctlpar\widctlpar\jclisttab\tx360{\*\pn \pnlvlbody\ilvl0\ls3\pnrnot0\pndec\pnstart3\pnindent360\pnhang{\pntxta .}}\ls3\adjustright { Net Experience of Sale of California Fossil/Geothermal Assets was to provide value far in excess of book value.  (Incorporate Results of California Divestitur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A.\tab}}\pard \fi-360\li720\nowidctlpar\widctlpar\jclisttab\tx720{\*\pn \pnlvlbody\ilvl0\ls4\pnrnot0\pnucltr\pnstart1\pnindent720\pnhang{\pntxta .}}\ls4\adjustright {Incorporate Results of California Divestitur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li360\nowidctlpar\widctlpar{\*\pn \pnlvlcont\ilvl0\ls0\pnrnot0\pndec }\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B.\tab}}\pard \fi-360\li720\nowidctlpar\widctlpar\jclisttab\tx720{\*\pn \pnlvlbody\ilvl0\ls4\pnrnot0\pnucltr\pnstart1\pnindent720\pnhang{\pntxta .}}\ls4\adjustright {Above-book premium on SDG&amp;E Divestiture allowed roll-off to occur by July 1, 1999, 30 months earlier than the statutory deadlin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pn \pnlvlcont\ilvl0\ls0\pnrnot0\pndec }\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C.\tab}}\pard \fi-360\li720\nowidctlpar\widctlpar\jclisttab\tx720{\*\pn \pnlvlbody\ilvl0\ls4\pnrnot0\pnucltr\pnstart1\pnindent720\pnhang{\pntxta .}}\ls4\adjustright {Enron is convinced that valuation of PG&amp;E\rquote s hydro assets would end the rate freeze in Northern California before the end of 200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4.\tab}}\pard \fi-360\li360\nowidctlpar\widctlpar\jclisttab\tx360{\*\pn \pnlvlbody\ilvl0\ls3\pnrnot0\pndec\pnstart3\pnindent360\pnhang{\pntxta .}}\ls3\adjustright {Incorporate MRW Chart reflecting possible values of PG&amp;E Hydro Asse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pn \pnlvlcont\ilvl0\ls0\pnrnot0\pndec }\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5.\tab}}\pard \fi-360\li360\nowidctlpar\widctlpar\jclisttab\tx360{\*\pn \pnlvlbody\ilvl0\ls3\pnrnot0\pndec\pnstart3\pnindent360\pnhang{\pntxta .}}\ls3\adjustright {Show Graph that reflects overcollection of revenues absent timely valuation.  Explain the affect to marketers such as Enr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pn \pnlvlcont\ilvl0\ls0\pnrnot0\pndec }\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6.\tab}}\pard \fi-360\li360\nowidctlpar\widctlpar\jclisttab\tx360{\*\pn \pnlvlbody\ilvl0\ls3\pnrnot0\pndec\pnstart3\pnindent360\pnhang{\pntxta .}}\ls3\adjustright {Show Chart that reflects amount of overcollection by rate class.  Discuss economic ramification of continuing higher-than-necessitated electricity pric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pn \pnlvlcont\ilvl0\ls0\pnrnot0\pndec }\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7.\tab}}\pard \fi-360\li360\nowidctlpar\widctlpar\jclisttab\tx360{\*\pn \pnlvlbody\ilvl0\ls3\pnrnot0\pndec\pnstart3\pnindent360\pnhang{\pntxta .}}\ls3\adjustright {Discuss potential cash flow problem to PG&amp;E to refund large overcollection within 1 year (D.99-10-xxx).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pn \pnlvlcont\ilvl0\ls0\pnrnot0\pndec }\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8.\tab}}\pard \fi-360\li360\nowidctlpar\widctlpar\jclisttab\tx360{\*\pn \pnlvlbody\ilvl0\ls3\pnrnot0\pndec\pnstart3\pnindent360\pnhang{\pntxta .}}\ls3\adjustright {Solu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A.\tab}}\pard \fi-360\li720\nowidctlpar\widctlpar\jclisttab\tx720{\*\pn \pnlvlbody\ilvl0\ls5\pnrnot0\pnucltr\pnstart1\pnindent720\pnhang{\pntxta .}}\ls5\adjustright {Use of estimated market value to more clearly indicate the potential end of the rate freez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B.\tab}}\pard \fi-360\li720\nowidctlpar\widctlpar\jclisttab\tx720{\*\pn \pnlvlbody\ilvl0\ls5\pnrnot0\pnucltr\pnstart1\pnindent720\pnhang{\pntxta .}}\ls5\adjustright {Pressure on valuation as quickly as possibl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C.\tab}}\pard \fi-360\li720\nowidctlpar\widctlpar\jclisttab\tx720{\*\pn \pnlvlbody\ilvl0\ls5\pnrnot0\pnucltr\pnstart1\pnindent720\pnhang{\pntxta .}}\ls5\adjustright {Manage the potential for amassing large over-collected balanc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i.\tab}}\pard \fi-720\li1440\nowidctlpar\widctlpar\jclisttab\tx1440{\*\pn \pnlvlbody\ilvl0\ls6\pnrnot0\pnlcrm\pnstart1\pnindent1440\pnhang{\pntxta .}}\ls6\adjustright {Begin amortize overcollection to customer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ii.\tab}}\pard \fi-720\li1440\nowidctlpar\widctlpar\jclisttab\tx1440{\*\pn \pnlvlbody\ilvl0\ls6\pnrnot0\pnlcrm\pnstart1\pnindent1440\pnhang{\pntxta .}}\ls6\adjustright {Cease collections when it is apparent that utility risk is minimized or eliminate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D.\tab}}\pard \fi-360\li720\nowidctlpar\widctlpar\jclisttab\tx720{\*\pn \pnlvlbody\ilvl0\ls5\pnrnot0\pnucltr\pnstart1\pnindent720\pnhang{\pntxta .}}\ls5\adjustright {Create a legislative fix to eliminate perceived utility risk.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li360\nowidctlpar\widctlpar\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9.\tab}}\pard \fi-360\li360\nowidctlpar\widctlpar\jclisttab\tx360{\*\pn \pnlvlbody\ilvl0\ls3\pnrnot0\pndec\pnstart3\pnindent360\pnhang{\pntxta .}}\ls3\adjustright {Pending Cas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A.\tab}}\pard \fi-360\li720\nowidctlpar\widctlpar\jclisttab\tx720{\*\pn \pnlvlbody\ilvl0\ls7\pnrnot0\pnucltr\pnstart1\pnindent720\pnhang{\pntxta .}}\ls7\adjustright {ATCP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B.\tab}}\pard \fi-360\li720\nowidctlpar\widctlpar\jclisttab\tx720{\*\pn \pnlvlbody\ilvl0\ls7\pnrnot0\pnucltr\pnstart1\pnindent720\pnhang{\pntxta .}}\ls7\adjustright {PG&amp;E Hydro Au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fs20\cgrid \hich\af0\dbch\af0\loch\f0 C.\tab}}\pard \fi-360\li720\nowidctlpar\widctlpar\jclisttab\tx720{\*\pn \pnlvlbody\ilvl0\ls7\pnrnot0\pnucltr\pnstart1\pnindent720\pnhang{\pntxta .}}\ls7\adjustright {SCE PBR Settlem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li720\nowidctlpar\widctlpar\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nowidctlpar\widctlpar\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par }}</w:t>
      </w:r>
    </w:p>
    <w:sectPr>
      <w:type w:val="nextPage"/>
      <w:pgSz w:w="12240" w:h="15840"/>
      <w:pgMar w:left="1440" w:right="1440" w:gutter="0" w:header="0" w:top="1440" w:footer="0" w:bottom="1440"/>
      <w:pgNumType w:fmt="decimal"/>
      <w:formProt w:val="false"/>
      <w:textDirection w:val="lrTb"/>
      <w:docGrid w:type="default" w:linePitch="600" w:charSpace="32768"/>
    </w:sectPr>
  </w:body>
</w:document>
</file>

<file path=word/fontTable.xml><?xml version="1.0" encoding="utf-8"?>
<w:fonts xmlns:w="http://schemas.openxmlformats.org/wordprocessingml/2006/main" xmlns:r="http://schemas.openxmlformats.org/officeDocument/2006/relationships">
  <w:font w:name="Times New Roman">
    <w:charset w:val="00" w:characterSet="windows-1252"/>
    <w:family w:val="roman"/>
    <w:pitch w:val="variable"/>
  </w:font>
  <w:font w:name="Symbol">
    <w:charset w:val="02"/>
    <w:family w:val="roman"/>
    <w:pitch w:val="variable"/>
  </w:font>
  <w:font w:name="Arial">
    <w:charset w:val="00" w:characterSet="windows-1252"/>
    <w:family w:val="swiss"/>
    <w:pitch w:val="variable"/>
  </w:font>
  <w:font w:name="Liberation Serif">
    <w:altName w:val="Times New Roman"/>
    <w:charset w:val="01" w:characterSet="utf-8"/>
    <w:family w:val="roman"/>
    <w:pitch w:val="variable"/>
  </w:font>
  <w:font w:name="Liberation Sans">
    <w:altName w:val="Arial"/>
    <w:charset w:val="01" w:characterSet="utf-8"/>
    <w:family w:val="swiss"/>
    <w:pitch w:val="variable"/>
  </w:font>
  <w:font w:name="Geneva">
    <w:charset w:val="01" w:characterSet="utf-8"/>
    <w:family w:val="auto"/>
    <w:pitch w:val="default"/>
  </w:font>
</w:fonts>
</file>

<file path=word/settings.xml><?xml version="1.0" encoding="utf-8"?>
<w:settings xmlns:w="http://schemas.openxmlformats.org/wordprocessingml/2006/main">
  <w:zoom w:percent="100"/>
  <w:defaultTabStop w:val="720"/>
  <w:autoHyphenation w:val="true"/>
  <w:hyphenationZone w:val="0"/>
  <w:compat>
    <w:compatSetting w:name="compatibilityMode" w:uri="http://schemas.microsoft.com/office/word" w:val="15"/>
    <w:compatSetting w:name="useWord2013TrackBottomHyphenation" w:uri="http://schemas.microsoft.com/office/word" w:val="1"/>
    <w:compatSetting w:name="allowHyphenationAtTrackBottom" w:uri="http://schemas.microsoft.com/office/word" w:val="1"/>
  </w:compat>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Liberation Serif" w:hAnsi="Liberation Serif" w:eastAsia="Liberation Sans" w:cs="NotoSans NF"/>
        <w:kern w:val="2"/>
        <w:sz w:val="24"/>
        <w:szCs w:val="24"/>
        <w:lang w:val="en-CA" w:eastAsia="zh-CN" w:bidi="hi-IN"/>
      </w:rPr>
    </w:rPrDefault>
    <w:pPrDefault>
      <w:pPr>
        <w:suppressAutoHyphens w:val="true"/>
      </w:pPr>
    </w:pPrDefault>
  </w:docDefaults>
  <w:style w:type="paragraph" w:styleId="Normal">
    <w:name w:val="Normal"/>
    <w:qFormat/>
    <w:pPr>
      <w:widowControl w:val="false"/>
      <w:kinsoku w:val="true"/>
      <w:overflowPunct w:val="true"/>
      <w:autoSpaceDE w:val="true"/>
      <w:bidi w:val="0"/>
    </w:pPr>
    <w:rPr>
      <w:rFonts w:ascii="Liberation Serif" w:hAnsi="Liberation Serif" w:eastAsia="Liberation Sans" w:cs="NotoSans NF"/>
      <w:color w:val="auto"/>
      <w:kern w:val="2"/>
      <w:sz w:val="24"/>
      <w:szCs w:val="24"/>
      <w:lang w:val="en-CA" w:eastAsia="zh-CN" w:bidi="hi-IN"/>
    </w:rPr>
  </w:style>
  <w:style w:type="character" w:styleId="FootnoteSymbol">
    <w:name w:val="Footnote_Symbol"/>
    <w:qFormat/>
    <w:rPr>
      <w:vertAlign w:val="superscript"/>
    </w:rPr>
  </w:style>
  <w:style w:type="character" w:styleId="EndnoteSymbol">
    <w:name w:val="Endnote_Symbol"/>
    <w:qFormat/>
    <w:rPr>
      <w:vertAlign w:val="superscript"/>
    </w:rPr>
  </w:style>
  <w:style w:type="character" w:styleId="FootnoteReference">
    <w:name w:val="footnote reference"/>
    <w:rPr>
      <w:vertAlign w:val="superscript"/>
    </w:rPr>
  </w:style>
  <w:style w:type="character" w:styleId="EndnoteReference">
    <w:name w:val="endnote reference"/>
    <w:rPr>
      <w:vertAlign w:val="superscript"/>
    </w:rPr>
  </w:style>
  <w:style w:type="character" w:styleId="FootnoteAnchor">
    <w:name w:val="Footnote Anchor"/>
    <w:qFormat/>
    <w:rPr>
      <w:vertAlign w:val="superscript"/>
    </w:rPr>
  </w:style>
  <w:style w:type="character" w:styleId="EndnoteAnchor">
    <w:name w:val="Endnote Anchor"/>
    <w:qFormat/>
    <w:rPr>
      <w:vertAlign w:val="superscript"/>
    </w:rPr>
  </w:style>
  <w:style w:type="paragraph" w:styleId="Heading">
    <w:name w:val="Heading"/>
    <w:basedOn w:val="Normal"/>
    <w:next w:val="BodyText"/>
    <w:qFormat/>
    <w:pPr>
      <w:keepNext w:val="true"/>
      <w:spacing w:before="240" w:after="120"/>
    </w:pPr>
    <w:rPr>
      <w:rFonts w:ascii="Liberation Sans" w:hAnsi="Liberation Sans" w:eastAsia="Liberation Sans" w:cs="NotoSans NF"/>
      <w:sz w:val="28"/>
      <w:szCs w:val="28"/>
    </w:rPr>
  </w:style>
  <w:style w:type="paragraph" w:styleId="BodyText">
    <w:name w:val="Body Text"/>
    <w:basedOn w:val="Normal"/>
    <w:pPr>
      <w:spacing w:lineRule="auto" w:line="276" w:before="0" w:after="140"/>
    </w:pPr>
    <w:rPr/>
  </w:style>
  <w:style w:type="paragraph" w:styleId="List">
    <w:name w:val="List"/>
    <w:basedOn w:val="TextBody"/>
    <w:pPr/>
    <w:rPr/>
  </w:style>
  <w:style w:type="paragraph" w:styleId="Caption">
    <w:name w:val="caption"/>
    <w:basedOn w:val="Normal"/>
    <w:qFormat/>
    <w:pPr/>
    <w:rPr/>
  </w:style>
  <w:style w:type="paragraph" w:styleId="Index">
    <w:name w:val="Index"/>
    <w:basedOn w:val="Normal"/>
    <w:qFormat/>
    <w:pPr/>
    <w:rPr/>
  </w:style>
  <w:style w:type="paragraph" w:styleId="TextBody">
    <w:name w:val="Text Body"/>
    <w:basedOn w:val="Normal"/>
    <w:qFormat/>
    <w:pPr/>
    <w:rPr/>
  </w:style>
  <w:style w:type="paragraph" w:styleId="TableContents">
    <w:name w:val="Table Contents"/>
    <w:basedOn w:val="TextBody"/>
    <w:qFormat/>
    <w:pPr/>
    <w:rPr/>
  </w:style>
  <w:style w:type="paragraph" w:styleId="TableHeading">
    <w:name w:val="Table Heading"/>
    <w:basedOn w:val="TableContents"/>
    <w:qFormat/>
    <w:pPr/>
    <w:rPr/>
  </w:style>
  <w:style w:type="paragraph" w:styleId="HeaderandFooter">
    <w:name w:val="Header and Footer"/>
    <w:basedOn w:val="Normal"/>
    <w:qFormat/>
    <w:pPr>
      <w:suppressLineNumbers/>
      <w:tabs>
        <w:tab w:val="clear" w:pos="720"/>
        <w:tab w:val="center" w:pos="4986" w:leader="none"/>
        <w:tab w:val="right" w:pos="9972" w:leader="none"/>
      </w:tabs>
    </w:pPr>
    <w:rPr/>
  </w:style>
  <w:style w:type="paragraph" w:styleId="Header">
    <w:name w:val="header"/>
    <w:basedOn w:val="Normal"/>
    <w:pPr/>
    <w:rPr/>
  </w:style>
  <w:style w:type="paragraph" w:styleId="Footer">
    <w:name w:val="footer"/>
    <w:basedOn w:val="Normal"/>
    <w:pPr/>
    <w:rPr/>
  </w:style>
  <w:style w:type="paragraph" w:styleId="FootnoteText">
    <w:name w:val="footnote text"/>
    <w:basedOn w:val="Normal"/>
    <w:pPr/>
    <w:rPr/>
  </w:style>
  <w:style w:type="paragraph" w:styleId="EndnoteText">
    <w:name w:val="endnote text"/>
    <w:basedOn w:val="Normal"/>
    <w:pPr/>
    <w:r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fontTable" Target="fontTable.xml"/><Relationship Id="rId3" Type="http://schemas.openxmlformats.org/officeDocument/2006/relationships/settings" Target="settings.xml"/><Relationship Id="rId4" Type="http://schemas.openxmlformats.org/officeDocument/2006/relationships/theme" Target="theme/theme1.xml"/>
</Relationships>
</file>

<file path=word/theme/theme1.xml><?xml version="1.0" encoding="utf-8"?>
<a:theme xmlns:a="http://schemas.openxmlformats.org/drawingml/2006/main" xmlns:r="http://schemas.openxmlformats.org/officeDocument/2006/relationships" name="Office">
  <a:themeElements>
    <a:clrScheme name="LibreOffice">
      <a:dk1>
        <a:srgbClr val="000000"/>
      </a:dk1>
      <a:lt1>
        <a:srgbClr val="ffffff"/>
      </a:lt1>
      <a:dk2>
        <a:srgbClr val="000000"/>
      </a:dk2>
      <a:lt2>
        <a:srgbClr val="ffffff"/>
      </a:lt2>
      <a:accent1>
        <a:srgbClr val="18a303"/>
      </a:accent1>
      <a:accent2>
        <a:srgbClr val="0369a3"/>
      </a:accent2>
      <a:accent3>
        <a:srgbClr val="a33e03"/>
      </a:accent3>
      <a:accent4>
        <a:srgbClr val="8e03a3"/>
      </a:accent4>
      <a:accent5>
        <a:srgbClr val="c99c00"/>
      </a:accent5>
      <a:accent6>
        <a:srgbClr val="c9211e"/>
      </a:accent6>
      <a:hlink>
        <a:srgbClr val="0000ee"/>
      </a:hlink>
      <a:folHlink>
        <a:srgbClr val="551a8b"/>
      </a:folHlink>
    </a:clrScheme>
    <a:fontScheme name="Office">
      <a:majorFont>
        <a:latin typeface="Arial" pitchFamily="0" charset="1"/>
        <a:ea typeface="DejaVu Sans" pitchFamily="0" charset="1"/>
        <a:cs typeface="DejaVu Sans" pitchFamily="0" charset="1"/>
      </a:majorFont>
      <a:minorFont>
        <a:latin typeface="Arial" pitchFamily="0" charset="1"/>
        <a:ea typeface="DejaVu Sans" pitchFamily="0" charset="1"/>
        <a:cs typeface="DejaVu Sans" pitchFamily="0" charset="1"/>
      </a:minorFont>
    </a:fontScheme>
    <a:fmtScheme>
      <a:fillStyleLst>
        <a:solidFill>
          <a:schemeClr val="phClr"/>
        </a:solidFill>
        <a:solidFill>
          <a:schemeClr val="phClr"/>
        </a:solidFill>
        <a:solidFill>
          <a:schemeClr val="phClr"/>
        </a:solidFill>
      </a:fillStyleLst>
      <a:lnStyleLst>
        <a:ln w="6350" cap="flat" cmpd="sng" algn="ctr">
          <a:prstDash val="solid"/>
          <a:miter/>
        </a:ln>
        <a:ln w="6350" cap="flat" cmpd="sng" algn="ctr">
          <a:prstDash val="solid"/>
          <a:miter/>
        </a:ln>
        <a:ln w="6350" cap="flat" cmpd="sng" algn="ctr">
          <a:prstDash val="solid"/>
          <a:miter/>
        </a:ln>
      </a:lnStyleLst>
      <a:effectStyleLst>
        <a:effectStyle>
          <a:effectLst/>
        </a:effectStyle>
        <a:effectStyle>
          <a:effectLst/>
        </a:effectStyle>
        <a:effectStyle>
          <a:effectLst/>
        </a:effectStyle>
      </a:effectStyleLst>
      <a:bgFillStyleLst>
        <a:solidFill>
          <a:schemeClr val="phClr"/>
        </a:solidFill>
        <a:solidFill>
          <a:schemeClr val="phClr"/>
        </a:solidFill>
        <a:solidFill>
          <a:schemeClr val="phClr"/>
        </a:solidFill>
      </a:bgFillStyleLst>
    </a:fmtScheme>
  </a:themeElements>
</a:theme>
</file>

<file path=docProps/app.xml><?xml version="1.0" encoding="utf-8"?>
<Properties xmlns="http://schemas.openxmlformats.org/officeDocument/2006/extended-properties" xmlns:vt="http://schemas.openxmlformats.org/officeDocument/2006/docPropsVTypes">
  <Template/>
  <TotalTime>0</TotalTime>
  <Application>LibreOffice/25.2.7.0.0$Linux_X86_64 LibreOffice_project/2cc84caafd2707671cae2773f8085721f003b89f</Application>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dc:description/>
  <dc:language>en-CA</dc:language>
  <cp:lastModifiedBy/>
  <cp:revision>0</cp:revision>
  <dc:subject/>
  <dc:title/>
</cp:coreProperties>
</file>